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i0510066\Desktop\"/>
    </mc:Choice>
  </mc:AlternateContent>
  <xr:revisionPtr revIDLastSave="0" documentId="13_ncr:1_{09101408-DDFA-40E6-A925-8242F3041FAB}" xr6:coauthVersionLast="44" xr6:coauthVersionMax="44" xr10:uidLastSave="{00000000-0000-0000-0000-000000000000}"/>
  <bookViews>
    <workbookView xWindow="-108" yWindow="-108" windowWidth="23256" windowHeight="12576" tabRatio="839" xr2:uid="{00000000-000D-0000-FFFF-FFFF00000000}"/>
  </bookViews>
  <sheets>
    <sheet name="３．地目別土地面積" sheetId="4" r:id="rId1"/>
  </sheets>
  <definedNames>
    <definedName name="_xlnm.Print_Area" localSheetId="0">'３．地目別土地面積'!$A$1:$M$36</definedName>
    <definedName name="_xlnm.Print_Titles" localSheetId="0">'３．地目別土地面積'!$1:$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A3" i="4" l="1"/>
  <c r="A4" i="4" s="1"/>
  <c r="A5" i="4" s="1"/>
  <c r="A6" i="4" s="1"/>
  <c r="A7" i="4" s="1"/>
  <c r="A8" i="4" s="1"/>
  <c r="A9" i="4" s="1"/>
  <c r="A10" i="4" s="1"/>
  <c r="A11" i="4" s="1"/>
  <c r="A12" i="4" s="1"/>
  <c r="A13" i="4" s="1"/>
  <c r="A14" i="4" s="1"/>
  <c r="A15" i="4" s="1"/>
  <c r="A16" i="4" s="1"/>
  <c r="A17" i="4" s="1"/>
  <c r="A18" i="4" s="1"/>
  <c r="A19" i="4" s="1"/>
  <c r="A20" i="4" s="1"/>
  <c r="A21" i="4" s="1"/>
  <c r="A22" i="4" s="1"/>
  <c r="A23" i="4" s="1"/>
  <c r="A24" i="4" s="1"/>
  <c r="A25" i="4" s="1"/>
  <c r="A26" i="4" s="1"/>
</calcChain>
</file>

<file path=xl/sharedStrings.xml><?xml version="1.0" encoding="utf-8"?>
<sst xmlns="http://schemas.openxmlformats.org/spreadsheetml/2006/main" count="54" uniqueCount="25">
  <si>
    <r>
      <t>年　次</t>
    </r>
    <r>
      <rPr>
        <sz val="8"/>
        <rFont val="ＭＳ 明朝"/>
        <family val="1"/>
        <charset val="128"/>
      </rPr>
      <t>（西暦）</t>
    </r>
    <rPh sb="0" eb="1">
      <t>トシ</t>
    </rPh>
    <rPh sb="2" eb="3">
      <t>ツギ</t>
    </rPh>
    <rPh sb="4" eb="6">
      <t>セイレキ</t>
    </rPh>
    <phoneticPr fontId="3"/>
  </si>
  <si>
    <r>
      <t>年　次</t>
    </r>
    <r>
      <rPr>
        <sz val="8"/>
        <rFont val="ＭＳ 明朝"/>
        <family val="1"/>
        <charset val="128"/>
      </rPr>
      <t>（和歴）</t>
    </r>
    <rPh sb="0" eb="1">
      <t>トシ</t>
    </rPh>
    <rPh sb="2" eb="3">
      <t>ツギ</t>
    </rPh>
    <rPh sb="4" eb="5">
      <t>ワ</t>
    </rPh>
    <rPh sb="5" eb="6">
      <t>レキ</t>
    </rPh>
    <phoneticPr fontId="3"/>
  </si>
  <si>
    <t>総数</t>
    <rPh sb="0" eb="2">
      <t>ソウスウ</t>
    </rPh>
    <phoneticPr fontId="3"/>
  </si>
  <si>
    <t>田</t>
    <rPh sb="0" eb="1">
      <t>タ</t>
    </rPh>
    <phoneticPr fontId="3"/>
  </si>
  <si>
    <t>畑</t>
    <rPh sb="0" eb="1">
      <t>ハタケ</t>
    </rPh>
    <phoneticPr fontId="3"/>
  </si>
  <si>
    <t>宅地</t>
    <rPh sb="0" eb="2">
      <t>タクチ</t>
    </rPh>
    <phoneticPr fontId="3"/>
  </si>
  <si>
    <t>鉱泉地</t>
    <rPh sb="0" eb="1">
      <t>コウ</t>
    </rPh>
    <rPh sb="1" eb="2">
      <t>イズミ</t>
    </rPh>
    <rPh sb="2" eb="3">
      <t>チ</t>
    </rPh>
    <phoneticPr fontId="3"/>
  </si>
  <si>
    <t>池沼</t>
    <rPh sb="0" eb="1">
      <t>イケ</t>
    </rPh>
    <rPh sb="1" eb="2">
      <t>ヌマ</t>
    </rPh>
    <phoneticPr fontId="3"/>
  </si>
  <si>
    <t>山林</t>
    <rPh sb="0" eb="2">
      <t>サンリン</t>
    </rPh>
    <phoneticPr fontId="3"/>
  </si>
  <si>
    <t>牧場</t>
    <rPh sb="0" eb="2">
      <t>ボクジョウ</t>
    </rPh>
    <phoneticPr fontId="3"/>
  </si>
  <si>
    <t>原野</t>
    <rPh sb="0" eb="2">
      <t>ゲンヤ</t>
    </rPh>
    <phoneticPr fontId="3"/>
  </si>
  <si>
    <t>雑種地</t>
    <rPh sb="0" eb="2">
      <t>ザッシュ</t>
    </rPh>
    <rPh sb="2" eb="3">
      <t>チ</t>
    </rPh>
    <phoneticPr fontId="3"/>
  </si>
  <si>
    <t>その他</t>
    <rPh sb="0" eb="3">
      <t>ソノタ</t>
    </rPh>
    <phoneticPr fontId="3"/>
  </si>
  <si>
    <t>昭和63年</t>
    <rPh sb="0" eb="2">
      <t>ショウワ</t>
    </rPh>
    <rPh sb="4" eb="5">
      <t>ネン</t>
    </rPh>
    <phoneticPr fontId="3"/>
  </si>
  <si>
    <t>－</t>
    <phoneticPr fontId="3"/>
  </si>
  <si>
    <t>平成元年</t>
    <rPh sb="0" eb="2">
      <t>ヘイセイ</t>
    </rPh>
    <rPh sb="2" eb="4">
      <t>ガンネン</t>
    </rPh>
    <phoneticPr fontId="3"/>
  </si>
  <si>
    <t>－</t>
    <phoneticPr fontId="3"/>
  </si>
  <si>
    <t>－</t>
    <phoneticPr fontId="3"/>
  </si>
  <si>
    <t>－</t>
    <phoneticPr fontId="3"/>
  </si>
  <si>
    <t>－</t>
  </si>
  <si>
    <t>－</t>
    <phoneticPr fontId="2"/>
  </si>
  <si>
    <t>令和元年</t>
    <rPh sb="0" eb="2">
      <t>レイワ</t>
    </rPh>
    <rPh sb="2" eb="3">
      <t>モト</t>
    </rPh>
    <rPh sb="3" eb="4">
      <t>ネン</t>
    </rPh>
    <phoneticPr fontId="2"/>
  </si>
  <si>
    <t>令和２年</t>
    <rPh sb="0" eb="2">
      <t>レイワ</t>
    </rPh>
    <rPh sb="3" eb="4">
      <t>ネン</t>
    </rPh>
    <phoneticPr fontId="2"/>
  </si>
  <si>
    <t>令和３年</t>
    <rPh sb="0" eb="2">
      <t>レイワ</t>
    </rPh>
    <rPh sb="3" eb="4">
      <t>ネン</t>
    </rPh>
    <phoneticPr fontId="2"/>
  </si>
  <si>
    <t>令和４年</t>
    <rPh sb="0" eb="2">
      <t>レイワ</t>
    </rPh>
    <rPh sb="3" eb="4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.0;\-#,##0.0"/>
    <numFmt numFmtId="177" formatCode="&quot;平成&quot;0&quot;年&quot;"/>
  </numFmts>
  <fonts count="7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0">
    <border>
      <left/>
      <right/>
      <top/>
      <bottom/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53">
    <xf numFmtId="0" fontId="0" fillId="0" borderId="0" xfId="0"/>
    <xf numFmtId="0" fontId="0" fillId="0" borderId="0" xfId="0" applyBorder="1"/>
    <xf numFmtId="0" fontId="0" fillId="0" borderId="1" xfId="0" applyBorder="1" applyAlignment="1">
      <alignment horizontal="center" vertical="center" wrapText="1" shrinkToFit="1"/>
    </xf>
    <xf numFmtId="0" fontId="0" fillId="0" borderId="0" xfId="0" applyAlignment="1">
      <alignment horizontal="right"/>
    </xf>
    <xf numFmtId="0" fontId="0" fillId="0" borderId="18" xfId="0" applyBorder="1" applyAlignment="1">
      <alignment horizontal="center" vertical="center" wrapText="1" shrinkToFit="1"/>
    </xf>
    <xf numFmtId="0" fontId="0" fillId="0" borderId="19" xfId="0" applyBorder="1" applyAlignment="1">
      <alignment horizontal="center" vertical="center" wrapText="1" shrinkToFit="1"/>
    </xf>
    <xf numFmtId="0" fontId="0" fillId="0" borderId="20" xfId="0" applyBorder="1" applyAlignment="1">
      <alignment horizontal="center" vertical="center" wrapText="1" shrinkToFit="1"/>
    </xf>
    <xf numFmtId="176" fontId="0" fillId="0" borderId="0" xfId="0" applyNumberFormat="1" applyFont="1"/>
    <xf numFmtId="0" fontId="0" fillId="0" borderId="21" xfId="0" applyBorder="1" applyAlignment="1">
      <alignment horizontal="center" vertical="center" wrapText="1" shrinkToFit="1"/>
    </xf>
    <xf numFmtId="0" fontId="0" fillId="0" borderId="2" xfId="0" applyFont="1" applyBorder="1" applyAlignment="1" applyProtection="1">
      <alignment horizontal="right" vertical="center" shrinkToFit="1"/>
    </xf>
    <xf numFmtId="0" fontId="5" fillId="0" borderId="3" xfId="0" applyFont="1" applyBorder="1" applyAlignment="1" applyProtection="1">
      <alignment horizontal="right" vertical="center" shrinkToFit="1"/>
    </xf>
    <xf numFmtId="176" fontId="4" fillId="0" borderId="4" xfId="0" applyNumberFormat="1" applyFont="1" applyBorder="1" applyAlignment="1" applyProtection="1">
      <alignment vertical="center" shrinkToFit="1"/>
    </xf>
    <xf numFmtId="176" fontId="4" fillId="0" borderId="5" xfId="0" applyNumberFormat="1" applyFont="1" applyBorder="1" applyAlignment="1" applyProtection="1">
      <alignment vertical="center" shrinkToFit="1"/>
    </xf>
    <xf numFmtId="176" fontId="4" fillId="0" borderId="5" xfId="0" applyNumberFormat="1" applyFont="1" applyBorder="1" applyAlignment="1" applyProtection="1">
      <alignment horizontal="center" vertical="center" shrinkToFit="1"/>
    </xf>
    <xf numFmtId="176" fontId="4" fillId="0" borderId="6" xfId="0" applyNumberFormat="1" applyFont="1" applyBorder="1" applyAlignment="1" applyProtection="1">
      <alignment vertical="center" shrinkToFit="1"/>
    </xf>
    <xf numFmtId="0" fontId="0" fillId="0" borderId="7" xfId="0" applyFont="1" applyBorder="1" applyAlignment="1" applyProtection="1">
      <alignment horizontal="right" vertical="center" shrinkToFit="1"/>
    </xf>
    <xf numFmtId="0" fontId="5" fillId="0" borderId="8" xfId="0" applyFont="1" applyBorder="1" applyAlignment="1" applyProtection="1">
      <alignment horizontal="right" vertical="center" shrinkToFit="1"/>
    </xf>
    <xf numFmtId="176" fontId="4" fillId="0" borderId="9" xfId="0" applyNumberFormat="1" applyFont="1" applyBorder="1" applyAlignment="1" applyProtection="1">
      <alignment vertical="center" shrinkToFit="1"/>
    </xf>
    <xf numFmtId="176" fontId="4" fillId="0" borderId="10" xfId="0" applyNumberFormat="1" applyFont="1" applyBorder="1" applyAlignment="1" applyProtection="1">
      <alignment vertical="center" shrinkToFit="1"/>
    </xf>
    <xf numFmtId="176" fontId="4" fillId="0" borderId="10" xfId="0" applyNumberFormat="1" applyFont="1" applyBorder="1" applyAlignment="1" applyProtection="1">
      <alignment horizontal="center" vertical="center" shrinkToFit="1"/>
    </xf>
    <xf numFmtId="176" fontId="4" fillId="0" borderId="11" xfId="0" applyNumberFormat="1" applyFont="1" applyBorder="1" applyAlignment="1" applyProtection="1">
      <alignment vertical="center" shrinkToFit="1"/>
    </xf>
    <xf numFmtId="177" fontId="5" fillId="0" borderId="8" xfId="0" applyNumberFormat="1" applyFont="1" applyBorder="1" applyAlignment="1" applyProtection="1">
      <alignment horizontal="right" vertical="center" shrinkToFit="1"/>
    </xf>
    <xf numFmtId="176" fontId="4" fillId="0" borderId="12" xfId="0" applyNumberFormat="1" applyFont="1" applyBorder="1" applyAlignment="1" applyProtection="1">
      <alignment vertical="center" shrinkToFit="1"/>
    </xf>
    <xf numFmtId="176" fontId="4" fillId="0" borderId="13" xfId="0" applyNumberFormat="1" applyFont="1" applyBorder="1" applyAlignment="1" applyProtection="1">
      <alignment vertical="center" shrinkToFit="1"/>
    </xf>
    <xf numFmtId="176" fontId="4" fillId="0" borderId="13" xfId="0" applyNumberFormat="1" applyFont="1" applyBorder="1" applyAlignment="1" applyProtection="1">
      <alignment horizontal="center" vertical="center" shrinkToFit="1"/>
    </xf>
    <xf numFmtId="176" fontId="4" fillId="0" borderId="14" xfId="0" applyNumberFormat="1" applyFont="1" applyBorder="1" applyAlignment="1" applyProtection="1">
      <alignment vertical="center" shrinkToFit="1"/>
    </xf>
    <xf numFmtId="176" fontId="4" fillId="0" borderId="12" xfId="0" applyNumberFormat="1" applyFont="1" applyFill="1" applyBorder="1" applyAlignment="1" applyProtection="1">
      <alignment vertical="center" shrinkToFit="1"/>
    </xf>
    <xf numFmtId="176" fontId="4" fillId="0" borderId="13" xfId="0" applyNumberFormat="1" applyFont="1" applyFill="1" applyBorder="1" applyAlignment="1" applyProtection="1">
      <alignment vertical="center" shrinkToFit="1"/>
    </xf>
    <xf numFmtId="176" fontId="4" fillId="0" borderId="13" xfId="0" applyNumberFormat="1" applyFont="1" applyFill="1" applyBorder="1" applyAlignment="1" applyProtection="1">
      <alignment horizontal="center" vertical="center" shrinkToFit="1"/>
    </xf>
    <xf numFmtId="176" fontId="4" fillId="0" borderId="14" xfId="0" applyNumberFormat="1" applyFont="1" applyFill="1" applyBorder="1" applyAlignment="1" applyProtection="1">
      <alignment vertical="center" shrinkToFit="1"/>
    </xf>
    <xf numFmtId="176" fontId="4" fillId="0" borderId="9" xfId="0" applyNumberFormat="1" applyFont="1" applyFill="1" applyBorder="1" applyAlignment="1" applyProtection="1">
      <alignment vertical="center" shrinkToFit="1"/>
    </xf>
    <xf numFmtId="176" fontId="4" fillId="0" borderId="10" xfId="0" applyNumberFormat="1" applyFont="1" applyFill="1" applyBorder="1" applyAlignment="1" applyProtection="1">
      <alignment vertical="center" shrinkToFit="1"/>
    </xf>
    <xf numFmtId="176" fontId="4" fillId="0" borderId="10" xfId="0" applyNumberFormat="1" applyFont="1" applyFill="1" applyBorder="1" applyAlignment="1" applyProtection="1">
      <alignment horizontal="center" vertical="center" shrinkToFit="1"/>
    </xf>
    <xf numFmtId="176" fontId="4" fillId="0" borderId="11" xfId="0" applyNumberFormat="1" applyFont="1" applyFill="1" applyBorder="1" applyAlignment="1" applyProtection="1">
      <alignment vertical="center" shrinkToFit="1"/>
    </xf>
    <xf numFmtId="176" fontId="4" fillId="0" borderId="15" xfId="0" applyNumberFormat="1" applyFont="1" applyFill="1" applyBorder="1" applyAlignment="1" applyProtection="1">
      <alignment vertical="center" shrinkToFit="1"/>
    </xf>
    <xf numFmtId="176" fontId="4" fillId="0" borderId="16" xfId="0" applyNumberFormat="1" applyFont="1" applyFill="1" applyBorder="1" applyAlignment="1" applyProtection="1">
      <alignment vertical="center" shrinkToFit="1"/>
    </xf>
    <xf numFmtId="176" fontId="4" fillId="0" borderId="16" xfId="0" applyNumberFormat="1" applyFont="1" applyFill="1" applyBorder="1" applyAlignment="1" applyProtection="1">
      <alignment horizontal="center" vertical="center" shrinkToFit="1"/>
    </xf>
    <xf numFmtId="176" fontId="4" fillId="0" borderId="17" xfId="0" applyNumberFormat="1" applyFont="1" applyFill="1" applyBorder="1" applyAlignment="1" applyProtection="1">
      <alignment vertical="center" shrinkToFit="1"/>
    </xf>
    <xf numFmtId="0" fontId="0" fillId="0" borderId="22" xfId="0" applyFont="1" applyBorder="1" applyAlignment="1" applyProtection="1">
      <alignment horizontal="right" vertical="center" shrinkToFit="1"/>
    </xf>
    <xf numFmtId="177" fontId="5" fillId="0" borderId="23" xfId="0" applyNumberFormat="1" applyFont="1" applyBorder="1" applyAlignment="1" applyProtection="1">
      <alignment horizontal="right" vertical="center" shrinkToFit="1"/>
    </xf>
    <xf numFmtId="176" fontId="0" fillId="0" borderId="0" xfId="0" applyNumberFormat="1"/>
    <xf numFmtId="0" fontId="0" fillId="0" borderId="24" xfId="0" applyFont="1" applyBorder="1" applyAlignment="1" applyProtection="1">
      <alignment horizontal="right" vertical="center" shrinkToFit="1"/>
      <protection locked="0"/>
    </xf>
    <xf numFmtId="0" fontId="0" fillId="0" borderId="7" xfId="0" applyFont="1" applyBorder="1" applyAlignment="1" applyProtection="1">
      <alignment horizontal="right" vertical="center" shrinkToFit="1"/>
      <protection locked="0"/>
    </xf>
    <xf numFmtId="177" fontId="5" fillId="0" borderId="26" xfId="0" applyNumberFormat="1" applyFont="1" applyBorder="1" applyAlignment="1" applyProtection="1">
      <alignment horizontal="right" vertical="center" shrinkToFit="1"/>
      <protection locked="0"/>
    </xf>
    <xf numFmtId="177" fontId="5" fillId="0" borderId="25" xfId="0" applyNumberFormat="1" applyFont="1" applyBorder="1" applyAlignment="1" applyProtection="1">
      <alignment horizontal="right" vertical="center" shrinkToFit="1"/>
      <protection locked="0"/>
    </xf>
    <xf numFmtId="176" fontId="4" fillId="0" borderId="27" xfId="0" applyNumberFormat="1" applyFont="1" applyFill="1" applyBorder="1" applyAlignment="1" applyProtection="1">
      <alignment vertical="center" shrinkToFit="1"/>
      <protection locked="0"/>
    </xf>
    <xf numFmtId="176" fontId="4" fillId="0" borderId="9" xfId="0" applyNumberFormat="1" applyFont="1" applyFill="1" applyBorder="1" applyAlignment="1" applyProtection="1">
      <alignment vertical="center" shrinkToFit="1"/>
      <protection locked="0"/>
    </xf>
    <xf numFmtId="176" fontId="4" fillId="0" borderId="28" xfId="0" applyNumberFormat="1" applyFont="1" applyFill="1" applyBorder="1" applyAlignment="1" applyProtection="1">
      <alignment vertical="center" shrinkToFit="1"/>
      <protection locked="0"/>
    </xf>
    <xf numFmtId="176" fontId="4" fillId="0" borderId="10" xfId="0" applyNumberFormat="1" applyFont="1" applyFill="1" applyBorder="1" applyAlignment="1" applyProtection="1">
      <alignment vertical="center" shrinkToFit="1"/>
      <protection locked="0"/>
    </xf>
    <xf numFmtId="176" fontId="4" fillId="0" borderId="28" xfId="0" applyNumberFormat="1" applyFont="1" applyFill="1" applyBorder="1" applyAlignment="1" applyProtection="1">
      <alignment horizontal="center" vertical="center" shrinkToFit="1"/>
      <protection locked="0"/>
    </xf>
    <xf numFmtId="176" fontId="4" fillId="0" borderId="10" xfId="0" applyNumberFormat="1" applyFont="1" applyFill="1" applyBorder="1" applyAlignment="1" applyProtection="1">
      <alignment horizontal="center" vertical="center" shrinkToFit="1"/>
      <protection locked="0"/>
    </xf>
    <xf numFmtId="176" fontId="4" fillId="0" borderId="29" xfId="0" applyNumberFormat="1" applyFont="1" applyFill="1" applyBorder="1" applyAlignment="1" applyProtection="1">
      <alignment vertical="center" shrinkToFit="1"/>
      <protection locked="0"/>
    </xf>
    <xf numFmtId="176" fontId="4" fillId="0" borderId="11" xfId="0" applyNumberFormat="1" applyFont="1" applyFill="1" applyBorder="1" applyAlignment="1" applyProtection="1">
      <alignment vertical="center" shrinkToFit="1"/>
      <protection locked="0"/>
    </xf>
  </cellXfs>
  <cellStyles count="2">
    <cellStyle name="桁区切り 2" xfId="1" xr:uid="{00000000-0005-0000-0000-000001000000}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3">
    <tabColor theme="0"/>
  </sheetPr>
  <dimension ref="A1:O40"/>
  <sheetViews>
    <sheetView tabSelected="1" view="pageBreakPreview" zoomScale="120" zoomScaleNormal="100" zoomScaleSheetLayoutView="120" workbookViewId="0">
      <pane ySplit="1" topLeftCell="A30" activePane="bottomLeft" state="frozen"/>
      <selection pane="bottomLeft" activeCell="N36" sqref="N36"/>
    </sheetView>
  </sheetViews>
  <sheetFormatPr defaultRowHeight="13.2" x14ac:dyDescent="0.2"/>
  <cols>
    <col min="1" max="2" width="7.44140625" style="3" customWidth="1"/>
    <col min="3" max="3" width="8.77734375" customWidth="1"/>
    <col min="4" max="6" width="7.21875" customWidth="1"/>
    <col min="7" max="7" width="6.6640625" customWidth="1"/>
    <col min="8" max="8" width="5.6640625" customWidth="1"/>
    <col min="9" max="9" width="7.21875" customWidth="1"/>
    <col min="10" max="10" width="5.6640625" customWidth="1"/>
    <col min="11" max="11" width="7.21875" customWidth="1"/>
    <col min="12" max="12" width="7.44140625" customWidth="1"/>
    <col min="13" max="13" width="8.109375" customWidth="1"/>
    <col min="14" max="15" width="9.44140625" bestFit="1" customWidth="1"/>
  </cols>
  <sheetData>
    <row r="1" spans="1:13" ht="34.5" customHeight="1" x14ac:dyDescent="0.2">
      <c r="A1" s="8" t="s">
        <v>0</v>
      </c>
      <c r="B1" s="2" t="s">
        <v>1</v>
      </c>
      <c r="C1" s="4" t="s">
        <v>2</v>
      </c>
      <c r="D1" s="5" t="s">
        <v>3</v>
      </c>
      <c r="E1" s="5" t="s">
        <v>4</v>
      </c>
      <c r="F1" s="5" t="s">
        <v>5</v>
      </c>
      <c r="G1" s="5" t="s">
        <v>6</v>
      </c>
      <c r="H1" s="5" t="s">
        <v>7</v>
      </c>
      <c r="I1" s="5" t="s">
        <v>8</v>
      </c>
      <c r="J1" s="5" t="s">
        <v>9</v>
      </c>
      <c r="K1" s="5" t="s">
        <v>10</v>
      </c>
      <c r="L1" s="5" t="s">
        <v>11</v>
      </c>
      <c r="M1" s="6" t="s">
        <v>12</v>
      </c>
    </row>
    <row r="2" spans="1:13" ht="21.9" customHeight="1" x14ac:dyDescent="0.2">
      <c r="A2" s="9">
        <v>1988</v>
      </c>
      <c r="B2" s="10" t="s">
        <v>13</v>
      </c>
      <c r="C2" s="11">
        <v>11990.9</v>
      </c>
      <c r="D2" s="12">
        <v>2383.4</v>
      </c>
      <c r="E2" s="12">
        <v>1632</v>
      </c>
      <c r="F2" s="12">
        <v>1012.6</v>
      </c>
      <c r="G2" s="13" t="s">
        <v>14</v>
      </c>
      <c r="H2" s="12">
        <v>0.8</v>
      </c>
      <c r="I2" s="12">
        <v>568.79999999999995</v>
      </c>
      <c r="J2" s="12">
        <v>123.5</v>
      </c>
      <c r="K2" s="12">
        <v>2232</v>
      </c>
      <c r="L2" s="12">
        <v>398.3</v>
      </c>
      <c r="M2" s="14">
        <v>3639.5</v>
      </c>
    </row>
    <row r="3" spans="1:13" ht="21.9" customHeight="1" x14ac:dyDescent="0.2">
      <c r="A3" s="15">
        <f>A2+1</f>
        <v>1989</v>
      </c>
      <c r="B3" s="16" t="s">
        <v>15</v>
      </c>
      <c r="C3" s="17">
        <v>12014.2</v>
      </c>
      <c r="D3" s="18">
        <v>2374.8000000000002</v>
      </c>
      <c r="E3" s="18">
        <v>1623.5</v>
      </c>
      <c r="F3" s="18">
        <v>1021.7</v>
      </c>
      <c r="G3" s="19" t="s">
        <v>16</v>
      </c>
      <c r="H3" s="18">
        <v>0.8</v>
      </c>
      <c r="I3" s="18">
        <v>567</v>
      </c>
      <c r="J3" s="18">
        <v>122.5</v>
      </c>
      <c r="K3" s="18">
        <v>2209.3000000000002</v>
      </c>
      <c r="L3" s="18">
        <v>450.6</v>
      </c>
      <c r="M3" s="20">
        <v>3644</v>
      </c>
    </row>
    <row r="4" spans="1:13" ht="21.9" customHeight="1" x14ac:dyDescent="0.2">
      <c r="A4" s="15">
        <f t="shared" ref="A4:A26" si="0">A3+1</f>
        <v>1990</v>
      </c>
      <c r="B4" s="21">
        <v>2</v>
      </c>
      <c r="C4" s="17">
        <v>12018.5</v>
      </c>
      <c r="D4" s="18">
        <v>2217.6</v>
      </c>
      <c r="E4" s="18">
        <v>1553.3</v>
      </c>
      <c r="F4" s="18">
        <v>1057.8</v>
      </c>
      <c r="G4" s="19" t="s">
        <v>17</v>
      </c>
      <c r="H4" s="18">
        <v>0.8</v>
      </c>
      <c r="I4" s="18">
        <v>565.1</v>
      </c>
      <c r="J4" s="18">
        <v>98.4</v>
      </c>
      <c r="K4" s="18">
        <v>2341.9</v>
      </c>
      <c r="L4" s="18">
        <v>464.3</v>
      </c>
      <c r="M4" s="20">
        <v>3719.3</v>
      </c>
    </row>
    <row r="5" spans="1:13" ht="21.9" customHeight="1" x14ac:dyDescent="0.2">
      <c r="A5" s="15">
        <f t="shared" si="0"/>
        <v>1991</v>
      </c>
      <c r="B5" s="21">
        <v>3</v>
      </c>
      <c r="C5" s="17">
        <v>12014.2</v>
      </c>
      <c r="D5" s="18">
        <v>2201.6</v>
      </c>
      <c r="E5" s="18">
        <v>1538.9</v>
      </c>
      <c r="F5" s="18">
        <v>1140.4000000000001</v>
      </c>
      <c r="G5" s="19" t="s">
        <v>17</v>
      </c>
      <c r="H5" s="18">
        <v>0.8</v>
      </c>
      <c r="I5" s="18">
        <v>536.5</v>
      </c>
      <c r="J5" s="18">
        <v>97</v>
      </c>
      <c r="K5" s="18">
        <v>2151.4</v>
      </c>
      <c r="L5" s="18">
        <v>600.9</v>
      </c>
      <c r="M5" s="20">
        <v>3746.7</v>
      </c>
    </row>
    <row r="6" spans="1:13" ht="21.9" customHeight="1" x14ac:dyDescent="0.2">
      <c r="A6" s="15">
        <f t="shared" si="0"/>
        <v>1992</v>
      </c>
      <c r="B6" s="21">
        <v>4</v>
      </c>
      <c r="C6" s="17">
        <v>12014.2</v>
      </c>
      <c r="D6" s="18">
        <v>2174.9</v>
      </c>
      <c r="E6" s="18">
        <v>1516.3</v>
      </c>
      <c r="F6" s="18">
        <v>1252.9000000000001</v>
      </c>
      <c r="G6" s="19" t="s">
        <v>17</v>
      </c>
      <c r="H6" s="18">
        <v>0.8</v>
      </c>
      <c r="I6" s="18">
        <v>531.5</v>
      </c>
      <c r="J6" s="18">
        <v>85.8</v>
      </c>
      <c r="K6" s="18">
        <v>1549.3</v>
      </c>
      <c r="L6" s="18">
        <v>1166.5</v>
      </c>
      <c r="M6" s="20">
        <v>3736.2</v>
      </c>
    </row>
    <row r="7" spans="1:13" ht="21.9" customHeight="1" x14ac:dyDescent="0.2">
      <c r="A7" s="15">
        <f t="shared" si="0"/>
        <v>1993</v>
      </c>
      <c r="B7" s="21">
        <v>5</v>
      </c>
      <c r="C7" s="17">
        <v>12014.2</v>
      </c>
      <c r="D7" s="18">
        <v>2164.3000000000002</v>
      </c>
      <c r="E7" s="18">
        <v>1463</v>
      </c>
      <c r="F7" s="18">
        <v>1389.4</v>
      </c>
      <c r="G7" s="19" t="s">
        <v>17</v>
      </c>
      <c r="H7" s="18">
        <v>0.8</v>
      </c>
      <c r="I7" s="18">
        <v>526.20000000000005</v>
      </c>
      <c r="J7" s="18">
        <v>78.3</v>
      </c>
      <c r="K7" s="18">
        <v>1538.9</v>
      </c>
      <c r="L7" s="18">
        <v>1153.8</v>
      </c>
      <c r="M7" s="20">
        <v>3699.5</v>
      </c>
    </row>
    <row r="8" spans="1:13" ht="21.9" customHeight="1" x14ac:dyDescent="0.2">
      <c r="A8" s="15">
        <f t="shared" si="0"/>
        <v>1994</v>
      </c>
      <c r="B8" s="21">
        <v>6</v>
      </c>
      <c r="C8" s="17">
        <v>12021.4</v>
      </c>
      <c r="D8" s="18">
        <v>2137.6999999999998</v>
      </c>
      <c r="E8" s="18">
        <v>1458.8</v>
      </c>
      <c r="F8" s="18">
        <v>1401.6</v>
      </c>
      <c r="G8" s="19" t="s">
        <v>17</v>
      </c>
      <c r="H8" s="18">
        <v>0.8</v>
      </c>
      <c r="I8" s="18">
        <v>526</v>
      </c>
      <c r="J8" s="18">
        <v>77.2</v>
      </c>
      <c r="K8" s="18">
        <v>1402.8</v>
      </c>
      <c r="L8" s="18">
        <v>1259</v>
      </c>
      <c r="M8" s="20">
        <v>3757.5</v>
      </c>
    </row>
    <row r="9" spans="1:13" ht="21.9" customHeight="1" x14ac:dyDescent="0.2">
      <c r="A9" s="15">
        <f t="shared" si="0"/>
        <v>1995</v>
      </c>
      <c r="B9" s="21">
        <v>7</v>
      </c>
      <c r="C9" s="17">
        <v>12021.4</v>
      </c>
      <c r="D9" s="18">
        <v>2136.6</v>
      </c>
      <c r="E9" s="18">
        <v>1463.8</v>
      </c>
      <c r="F9" s="18">
        <v>1419.7</v>
      </c>
      <c r="G9" s="19" t="s">
        <v>17</v>
      </c>
      <c r="H9" s="18">
        <v>0.8</v>
      </c>
      <c r="I9" s="18">
        <v>538.1</v>
      </c>
      <c r="J9" s="18">
        <v>77.2</v>
      </c>
      <c r="K9" s="18">
        <v>1381.3</v>
      </c>
      <c r="L9" s="18">
        <v>1235.7</v>
      </c>
      <c r="M9" s="20">
        <v>3768.2</v>
      </c>
    </row>
    <row r="10" spans="1:13" ht="21.9" customHeight="1" x14ac:dyDescent="0.2">
      <c r="A10" s="15">
        <f t="shared" si="0"/>
        <v>1996</v>
      </c>
      <c r="B10" s="21">
        <v>8</v>
      </c>
      <c r="C10" s="17">
        <v>12021.4</v>
      </c>
      <c r="D10" s="18">
        <v>2137.9</v>
      </c>
      <c r="E10" s="18">
        <v>1456.9</v>
      </c>
      <c r="F10" s="18">
        <v>1484.2</v>
      </c>
      <c r="G10" s="19" t="s">
        <v>17</v>
      </c>
      <c r="H10" s="18">
        <v>0.8</v>
      </c>
      <c r="I10" s="18">
        <v>538.1</v>
      </c>
      <c r="J10" s="18">
        <v>74.400000000000006</v>
      </c>
      <c r="K10" s="18">
        <v>1381.1</v>
      </c>
      <c r="L10" s="18">
        <v>1172.7</v>
      </c>
      <c r="M10" s="20">
        <v>3775.3</v>
      </c>
    </row>
    <row r="11" spans="1:13" ht="21.9" customHeight="1" x14ac:dyDescent="0.2">
      <c r="A11" s="15">
        <f t="shared" si="0"/>
        <v>1997</v>
      </c>
      <c r="B11" s="21">
        <v>9</v>
      </c>
      <c r="C11" s="17">
        <v>12025</v>
      </c>
      <c r="D11" s="18">
        <v>2138.1</v>
      </c>
      <c r="E11" s="18">
        <v>1447.8</v>
      </c>
      <c r="F11" s="18">
        <v>1501.7</v>
      </c>
      <c r="G11" s="19" t="s">
        <v>17</v>
      </c>
      <c r="H11" s="18">
        <v>2.8</v>
      </c>
      <c r="I11" s="18">
        <v>598.6</v>
      </c>
      <c r="J11" s="18">
        <v>61.6</v>
      </c>
      <c r="K11" s="18">
        <v>1377</v>
      </c>
      <c r="L11" s="18">
        <v>1159.8</v>
      </c>
      <c r="M11" s="20">
        <v>3737.6</v>
      </c>
    </row>
    <row r="12" spans="1:13" ht="21.9" customHeight="1" x14ac:dyDescent="0.2">
      <c r="A12" s="15">
        <f t="shared" si="0"/>
        <v>1998</v>
      </c>
      <c r="B12" s="21">
        <v>10</v>
      </c>
      <c r="C12" s="17">
        <v>11766</v>
      </c>
      <c r="D12" s="18">
        <v>2126.6</v>
      </c>
      <c r="E12" s="18">
        <v>1324</v>
      </c>
      <c r="F12" s="18">
        <v>1546.1</v>
      </c>
      <c r="G12" s="19" t="s">
        <v>17</v>
      </c>
      <c r="H12" s="18">
        <v>2.8</v>
      </c>
      <c r="I12" s="18">
        <v>598.6</v>
      </c>
      <c r="J12" s="18">
        <v>56.5</v>
      </c>
      <c r="K12" s="18">
        <v>1328.1</v>
      </c>
      <c r="L12" s="18">
        <v>1173.5999999999999</v>
      </c>
      <c r="M12" s="20">
        <v>3609.7</v>
      </c>
    </row>
    <row r="13" spans="1:13" ht="21.9" customHeight="1" x14ac:dyDescent="0.2">
      <c r="A13" s="15">
        <f t="shared" si="0"/>
        <v>1999</v>
      </c>
      <c r="B13" s="21">
        <v>11</v>
      </c>
      <c r="C13" s="17">
        <v>11766</v>
      </c>
      <c r="D13" s="18">
        <v>2126.5</v>
      </c>
      <c r="E13" s="18">
        <v>1317.8</v>
      </c>
      <c r="F13" s="18">
        <v>1575.2</v>
      </c>
      <c r="G13" s="19" t="s">
        <v>17</v>
      </c>
      <c r="H13" s="18">
        <v>2.8</v>
      </c>
      <c r="I13" s="18">
        <v>599.6</v>
      </c>
      <c r="J13" s="18">
        <v>55.8</v>
      </c>
      <c r="K13" s="18">
        <v>1318.4</v>
      </c>
      <c r="L13" s="18">
        <v>1164.5</v>
      </c>
      <c r="M13" s="20">
        <v>3605.4</v>
      </c>
    </row>
    <row r="14" spans="1:13" ht="21.9" customHeight="1" x14ac:dyDescent="0.2">
      <c r="A14" s="15">
        <f t="shared" si="0"/>
        <v>2000</v>
      </c>
      <c r="B14" s="21">
        <v>12</v>
      </c>
      <c r="C14" s="17">
        <v>11766</v>
      </c>
      <c r="D14" s="18">
        <v>2123.4</v>
      </c>
      <c r="E14" s="18">
        <v>1278.3</v>
      </c>
      <c r="F14" s="18">
        <v>1620.9</v>
      </c>
      <c r="G14" s="19" t="s">
        <v>17</v>
      </c>
      <c r="H14" s="18">
        <v>2.8</v>
      </c>
      <c r="I14" s="18">
        <v>587.5</v>
      </c>
      <c r="J14" s="18">
        <v>51.8</v>
      </c>
      <c r="K14" s="18">
        <v>1301.8</v>
      </c>
      <c r="L14" s="18">
        <v>1160.8</v>
      </c>
      <c r="M14" s="20">
        <v>3638.7</v>
      </c>
    </row>
    <row r="15" spans="1:13" ht="21.9" customHeight="1" x14ac:dyDescent="0.2">
      <c r="A15" s="15">
        <f t="shared" si="0"/>
        <v>2001</v>
      </c>
      <c r="B15" s="21">
        <v>13</v>
      </c>
      <c r="C15" s="17">
        <v>11766</v>
      </c>
      <c r="D15" s="18">
        <v>2121.8000000000002</v>
      </c>
      <c r="E15" s="18">
        <v>1261.9000000000001</v>
      </c>
      <c r="F15" s="18">
        <v>1580.6</v>
      </c>
      <c r="G15" s="19" t="s">
        <v>17</v>
      </c>
      <c r="H15" s="18">
        <v>2.8</v>
      </c>
      <c r="I15" s="18">
        <v>595.5</v>
      </c>
      <c r="J15" s="18">
        <v>51.4</v>
      </c>
      <c r="K15" s="18">
        <v>1305.0999999999999</v>
      </c>
      <c r="L15" s="18">
        <v>1136.5999999999999</v>
      </c>
      <c r="M15" s="20">
        <v>3710.3</v>
      </c>
    </row>
    <row r="16" spans="1:13" ht="21.9" customHeight="1" x14ac:dyDescent="0.2">
      <c r="A16" s="15">
        <f t="shared" si="0"/>
        <v>2002</v>
      </c>
      <c r="B16" s="21">
        <v>14</v>
      </c>
      <c r="C16" s="17">
        <v>11766</v>
      </c>
      <c r="D16" s="18">
        <v>2119.9</v>
      </c>
      <c r="E16" s="18">
        <v>1261.9000000000001</v>
      </c>
      <c r="F16" s="18">
        <v>1581.1</v>
      </c>
      <c r="G16" s="19" t="s">
        <v>17</v>
      </c>
      <c r="H16" s="18">
        <v>2.8</v>
      </c>
      <c r="I16" s="18">
        <v>596.1</v>
      </c>
      <c r="J16" s="18">
        <v>51.4</v>
      </c>
      <c r="K16" s="18">
        <v>1303</v>
      </c>
      <c r="L16" s="18">
        <v>1195.8</v>
      </c>
      <c r="M16" s="20">
        <v>3654</v>
      </c>
    </row>
    <row r="17" spans="1:13" ht="21.9" customHeight="1" x14ac:dyDescent="0.2">
      <c r="A17" s="15">
        <f t="shared" si="0"/>
        <v>2003</v>
      </c>
      <c r="B17" s="21">
        <v>15</v>
      </c>
      <c r="C17" s="17">
        <v>11785.5</v>
      </c>
      <c r="D17" s="18">
        <v>2112.6</v>
      </c>
      <c r="E17" s="18">
        <v>1266.5</v>
      </c>
      <c r="F17" s="18">
        <v>1583.4</v>
      </c>
      <c r="G17" s="19" t="s">
        <v>17</v>
      </c>
      <c r="H17" s="18">
        <v>2.8</v>
      </c>
      <c r="I17" s="18">
        <v>595.5</v>
      </c>
      <c r="J17" s="18">
        <v>50.6</v>
      </c>
      <c r="K17" s="18">
        <v>1303</v>
      </c>
      <c r="L17" s="18">
        <v>1182.7</v>
      </c>
      <c r="M17" s="20">
        <v>3688.4</v>
      </c>
    </row>
    <row r="18" spans="1:13" ht="21.9" customHeight="1" x14ac:dyDescent="0.2">
      <c r="A18" s="15">
        <f t="shared" si="0"/>
        <v>2004</v>
      </c>
      <c r="B18" s="21">
        <v>16</v>
      </c>
      <c r="C18" s="17">
        <v>11785.6</v>
      </c>
      <c r="D18" s="18">
        <v>2109.5</v>
      </c>
      <c r="E18" s="18">
        <v>1258.4000000000001</v>
      </c>
      <c r="F18" s="18">
        <v>1577.8</v>
      </c>
      <c r="G18" s="19" t="s">
        <v>17</v>
      </c>
      <c r="H18" s="18">
        <v>2.8</v>
      </c>
      <c r="I18" s="18">
        <v>595.5</v>
      </c>
      <c r="J18" s="18">
        <v>50.6</v>
      </c>
      <c r="K18" s="18">
        <v>1301.2</v>
      </c>
      <c r="L18" s="18">
        <v>1204</v>
      </c>
      <c r="M18" s="20">
        <v>3685.8</v>
      </c>
    </row>
    <row r="19" spans="1:13" ht="21.9" customHeight="1" x14ac:dyDescent="0.2">
      <c r="A19" s="15">
        <f t="shared" si="0"/>
        <v>2005</v>
      </c>
      <c r="B19" s="21">
        <v>17</v>
      </c>
      <c r="C19" s="17">
        <v>11785.5</v>
      </c>
      <c r="D19" s="18">
        <v>2109.5</v>
      </c>
      <c r="E19" s="18">
        <v>1258.4000000000001</v>
      </c>
      <c r="F19" s="18">
        <v>1578.7</v>
      </c>
      <c r="G19" s="19" t="s">
        <v>17</v>
      </c>
      <c r="H19" s="18">
        <v>2.8</v>
      </c>
      <c r="I19" s="18">
        <v>595.5</v>
      </c>
      <c r="J19" s="18">
        <v>50.5</v>
      </c>
      <c r="K19" s="18">
        <v>1301.0999999999999</v>
      </c>
      <c r="L19" s="18">
        <v>1205</v>
      </c>
      <c r="M19" s="20">
        <v>3684</v>
      </c>
    </row>
    <row r="20" spans="1:13" s="1" customFormat="1" ht="21.9" customHeight="1" x14ac:dyDescent="0.2">
      <c r="A20" s="15">
        <f t="shared" si="0"/>
        <v>2006</v>
      </c>
      <c r="B20" s="21">
        <v>18</v>
      </c>
      <c r="C20" s="22">
        <v>72186</v>
      </c>
      <c r="D20" s="23">
        <v>3514.3</v>
      </c>
      <c r="E20" s="23">
        <v>2543.6</v>
      </c>
      <c r="F20" s="23">
        <v>1802.5</v>
      </c>
      <c r="G20" s="24" t="s">
        <v>18</v>
      </c>
      <c r="H20" s="23">
        <v>10.4</v>
      </c>
      <c r="I20" s="23">
        <v>9536</v>
      </c>
      <c r="J20" s="23">
        <v>322.2</v>
      </c>
      <c r="K20" s="23">
        <v>4877.3</v>
      </c>
      <c r="L20" s="23">
        <v>2248.4</v>
      </c>
      <c r="M20" s="25">
        <v>47331.3</v>
      </c>
    </row>
    <row r="21" spans="1:13" s="1" customFormat="1" ht="21.9" customHeight="1" x14ac:dyDescent="0.2">
      <c r="A21" s="15">
        <f t="shared" si="0"/>
        <v>2007</v>
      </c>
      <c r="B21" s="21">
        <v>19</v>
      </c>
      <c r="C21" s="26">
        <v>72186</v>
      </c>
      <c r="D21" s="27">
        <v>3504.6</v>
      </c>
      <c r="E21" s="27">
        <v>2555.5</v>
      </c>
      <c r="F21" s="27">
        <v>1803.9</v>
      </c>
      <c r="G21" s="28" t="s">
        <v>14</v>
      </c>
      <c r="H21" s="27">
        <v>10.4</v>
      </c>
      <c r="I21" s="27">
        <v>9582.7999999999993</v>
      </c>
      <c r="J21" s="27">
        <v>322</v>
      </c>
      <c r="K21" s="27">
        <v>4870.8999999999996</v>
      </c>
      <c r="L21" s="27">
        <v>2231.6</v>
      </c>
      <c r="M21" s="29">
        <v>47304.3</v>
      </c>
    </row>
    <row r="22" spans="1:13" s="1" customFormat="1" ht="21.9" customHeight="1" x14ac:dyDescent="0.2">
      <c r="A22" s="15">
        <f t="shared" si="0"/>
        <v>2008</v>
      </c>
      <c r="B22" s="21">
        <v>20</v>
      </c>
      <c r="C22" s="26">
        <v>72186</v>
      </c>
      <c r="D22" s="27">
        <v>3491.7</v>
      </c>
      <c r="E22" s="27">
        <v>2530.5</v>
      </c>
      <c r="F22" s="27">
        <v>1806.3</v>
      </c>
      <c r="G22" s="28" t="s">
        <v>14</v>
      </c>
      <c r="H22" s="27">
        <v>10.4</v>
      </c>
      <c r="I22" s="27">
        <v>9647.6</v>
      </c>
      <c r="J22" s="27">
        <v>322</v>
      </c>
      <c r="K22" s="27">
        <v>4819.7</v>
      </c>
      <c r="L22" s="27">
        <v>2234.9</v>
      </c>
      <c r="M22" s="29">
        <v>47322.9</v>
      </c>
    </row>
    <row r="23" spans="1:13" s="1" customFormat="1" ht="21.9" customHeight="1" x14ac:dyDescent="0.2">
      <c r="A23" s="15">
        <f t="shared" si="0"/>
        <v>2009</v>
      </c>
      <c r="B23" s="21">
        <v>21</v>
      </c>
      <c r="C23" s="30">
        <v>72186</v>
      </c>
      <c r="D23" s="31">
        <v>3488.3</v>
      </c>
      <c r="E23" s="31">
        <v>2498.4</v>
      </c>
      <c r="F23" s="31">
        <v>1795.1</v>
      </c>
      <c r="G23" s="32" t="s">
        <v>14</v>
      </c>
      <c r="H23" s="31">
        <v>10.4</v>
      </c>
      <c r="I23" s="31">
        <v>9848.1</v>
      </c>
      <c r="J23" s="31">
        <v>322</v>
      </c>
      <c r="K23" s="31">
        <v>4846.3999999999996</v>
      </c>
      <c r="L23" s="31">
        <v>2070.4</v>
      </c>
      <c r="M23" s="33">
        <v>47306.9</v>
      </c>
    </row>
    <row r="24" spans="1:13" s="1" customFormat="1" ht="21.9" customHeight="1" x14ac:dyDescent="0.2">
      <c r="A24" s="15">
        <f t="shared" si="0"/>
        <v>2010</v>
      </c>
      <c r="B24" s="21">
        <v>22</v>
      </c>
      <c r="C24" s="34">
        <v>72186</v>
      </c>
      <c r="D24" s="35">
        <v>3480.7</v>
      </c>
      <c r="E24" s="35">
        <v>2169.8000000000002</v>
      </c>
      <c r="F24" s="35">
        <v>1798.1</v>
      </c>
      <c r="G24" s="36" t="s">
        <v>14</v>
      </c>
      <c r="H24" s="35">
        <v>10.9</v>
      </c>
      <c r="I24" s="35">
        <v>9848.1</v>
      </c>
      <c r="J24" s="35">
        <v>307.60000000000002</v>
      </c>
      <c r="K24" s="35">
        <v>5143.3</v>
      </c>
      <c r="L24" s="35">
        <v>2103.9</v>
      </c>
      <c r="M24" s="37">
        <v>47323.6</v>
      </c>
    </row>
    <row r="25" spans="1:13" s="1" customFormat="1" ht="25.5" customHeight="1" x14ac:dyDescent="0.2">
      <c r="A25" s="15">
        <f t="shared" si="0"/>
        <v>2011</v>
      </c>
      <c r="B25" s="21">
        <v>23</v>
      </c>
      <c r="C25" s="30">
        <v>72186</v>
      </c>
      <c r="D25" s="31">
        <v>3470.2</v>
      </c>
      <c r="E25" s="31">
        <v>2155.6999999999998</v>
      </c>
      <c r="F25" s="31">
        <v>1796.8</v>
      </c>
      <c r="G25" s="32" t="s">
        <v>14</v>
      </c>
      <c r="H25" s="31">
        <v>10.9</v>
      </c>
      <c r="I25" s="31">
        <v>9846.7999999999993</v>
      </c>
      <c r="J25" s="31">
        <v>307.5</v>
      </c>
      <c r="K25" s="31">
        <v>5147.8999999999996</v>
      </c>
      <c r="L25" s="31">
        <v>2114.9</v>
      </c>
      <c r="M25" s="33">
        <v>47335.3</v>
      </c>
    </row>
    <row r="26" spans="1:13" s="1" customFormat="1" ht="25.5" customHeight="1" x14ac:dyDescent="0.2">
      <c r="A26" s="15">
        <f t="shared" si="0"/>
        <v>2012</v>
      </c>
      <c r="B26" s="21">
        <v>24</v>
      </c>
      <c r="C26" s="30">
        <v>72186</v>
      </c>
      <c r="D26" s="31">
        <v>3469.4</v>
      </c>
      <c r="E26" s="31">
        <v>2146.9</v>
      </c>
      <c r="F26" s="31">
        <v>1788.6</v>
      </c>
      <c r="G26" s="32" t="s">
        <v>14</v>
      </c>
      <c r="H26" s="31">
        <v>10.9</v>
      </c>
      <c r="I26" s="31">
        <v>9844.2000000000007</v>
      </c>
      <c r="J26" s="31">
        <v>305.39999999999998</v>
      </c>
      <c r="K26" s="31">
        <v>5137.1000000000004</v>
      </c>
      <c r="L26" s="31">
        <v>2125.6999999999998</v>
      </c>
      <c r="M26" s="33">
        <v>47357.8</v>
      </c>
    </row>
    <row r="27" spans="1:13" s="1" customFormat="1" ht="25.5" customHeight="1" x14ac:dyDescent="0.2">
      <c r="A27" s="15">
        <v>2013</v>
      </c>
      <c r="B27" s="21">
        <v>25</v>
      </c>
      <c r="C27" s="30">
        <v>72186</v>
      </c>
      <c r="D27" s="31">
        <v>3469.1</v>
      </c>
      <c r="E27" s="31">
        <v>2146.8000000000002</v>
      </c>
      <c r="F27" s="31">
        <v>1795.6</v>
      </c>
      <c r="G27" s="32" t="s">
        <v>19</v>
      </c>
      <c r="H27" s="31">
        <v>10.9</v>
      </c>
      <c r="I27" s="31">
        <v>9738.1</v>
      </c>
      <c r="J27" s="31">
        <v>305.39999999999998</v>
      </c>
      <c r="K27" s="31">
        <v>5151.3</v>
      </c>
      <c r="L27" s="31">
        <v>2104.1999999999998</v>
      </c>
      <c r="M27" s="33">
        <v>47464.6</v>
      </c>
    </row>
    <row r="28" spans="1:13" s="1" customFormat="1" ht="25.5" customHeight="1" x14ac:dyDescent="0.2">
      <c r="A28" s="15">
        <v>2014</v>
      </c>
      <c r="B28" s="21">
        <v>26</v>
      </c>
      <c r="C28" s="30">
        <v>72186</v>
      </c>
      <c r="D28" s="31">
        <v>3468.6</v>
      </c>
      <c r="E28" s="31">
        <v>2145.8000000000002</v>
      </c>
      <c r="F28" s="31">
        <v>1793.5</v>
      </c>
      <c r="G28" s="32" t="s">
        <v>19</v>
      </c>
      <c r="H28" s="31">
        <v>10.9</v>
      </c>
      <c r="I28" s="31">
        <v>9738.2000000000007</v>
      </c>
      <c r="J28" s="31">
        <v>305.39999999999998</v>
      </c>
      <c r="K28" s="31">
        <v>5146.2</v>
      </c>
      <c r="L28" s="31">
        <v>2107.1999999999998</v>
      </c>
      <c r="M28" s="33">
        <v>47470.2</v>
      </c>
    </row>
    <row r="29" spans="1:13" s="1" customFormat="1" ht="25.5" customHeight="1" x14ac:dyDescent="0.2">
      <c r="A29" s="15">
        <v>2015</v>
      </c>
      <c r="B29" s="21">
        <v>27</v>
      </c>
      <c r="C29" s="30">
        <v>72242</v>
      </c>
      <c r="D29" s="31">
        <v>3461.9</v>
      </c>
      <c r="E29" s="31">
        <v>2122.6999999999998</v>
      </c>
      <c r="F29" s="31">
        <v>1795.3</v>
      </c>
      <c r="G29" s="32" t="s">
        <v>19</v>
      </c>
      <c r="H29" s="31">
        <v>10.8</v>
      </c>
      <c r="I29" s="31">
        <v>9757.1</v>
      </c>
      <c r="J29" s="31">
        <v>285.10000000000002</v>
      </c>
      <c r="K29" s="31">
        <v>5168.8</v>
      </c>
      <c r="L29" s="31">
        <v>2109.3000000000002</v>
      </c>
      <c r="M29" s="33">
        <v>47531</v>
      </c>
    </row>
    <row r="30" spans="1:13" ht="27" customHeight="1" x14ac:dyDescent="0.2">
      <c r="A30" s="15">
        <v>2016</v>
      </c>
      <c r="B30" s="21">
        <v>28</v>
      </c>
      <c r="C30" s="30">
        <v>72242</v>
      </c>
      <c r="D30" s="31">
        <v>3458</v>
      </c>
      <c r="E30" s="31">
        <v>2103.9</v>
      </c>
      <c r="F30" s="31">
        <v>1794.4</v>
      </c>
      <c r="G30" s="32" t="s">
        <v>20</v>
      </c>
      <c r="H30" s="31">
        <v>10.3</v>
      </c>
      <c r="I30" s="31">
        <v>9757</v>
      </c>
      <c r="J30" s="31">
        <v>285.10000000000002</v>
      </c>
      <c r="K30" s="31">
        <v>5190.3999999999996</v>
      </c>
      <c r="L30" s="31">
        <v>2115.1</v>
      </c>
      <c r="M30" s="33">
        <v>47527.8</v>
      </c>
    </row>
    <row r="31" spans="1:13" ht="27" customHeight="1" x14ac:dyDescent="0.2">
      <c r="A31" s="15">
        <v>2017</v>
      </c>
      <c r="B31" s="21">
        <v>29</v>
      </c>
      <c r="C31" s="30">
        <v>72242</v>
      </c>
      <c r="D31" s="31">
        <v>3459.8</v>
      </c>
      <c r="E31" s="31">
        <v>2090</v>
      </c>
      <c r="F31" s="31">
        <v>1794.4</v>
      </c>
      <c r="G31" s="32" t="s">
        <v>20</v>
      </c>
      <c r="H31" s="31">
        <v>10.3</v>
      </c>
      <c r="I31" s="31">
        <v>9757</v>
      </c>
      <c r="J31" s="31">
        <v>285.10000000000002</v>
      </c>
      <c r="K31" s="31">
        <v>5190.8999999999996</v>
      </c>
      <c r="L31" s="31">
        <v>2126.5</v>
      </c>
      <c r="M31" s="33">
        <v>47528</v>
      </c>
    </row>
    <row r="32" spans="1:13" ht="27" customHeight="1" x14ac:dyDescent="0.2">
      <c r="A32" s="38">
        <v>2018</v>
      </c>
      <c r="B32" s="39">
        <v>30</v>
      </c>
      <c r="C32" s="26">
        <v>72242</v>
      </c>
      <c r="D32" s="27">
        <v>3451.6</v>
      </c>
      <c r="E32" s="27">
        <v>2068.6999999999998</v>
      </c>
      <c r="F32" s="27">
        <v>1793</v>
      </c>
      <c r="G32" s="28" t="s">
        <v>19</v>
      </c>
      <c r="H32" s="27">
        <v>10.3</v>
      </c>
      <c r="I32" s="27">
        <v>9754.2999999999993</v>
      </c>
      <c r="J32" s="27">
        <v>285.10000000000002</v>
      </c>
      <c r="K32" s="27">
        <v>5216.6000000000004</v>
      </c>
      <c r="L32" s="27">
        <v>2132.6</v>
      </c>
      <c r="M32" s="29">
        <v>47529.8</v>
      </c>
    </row>
    <row r="33" spans="1:15" ht="27" customHeight="1" x14ac:dyDescent="0.2">
      <c r="A33" s="42">
        <v>2019</v>
      </c>
      <c r="B33" s="44" t="s">
        <v>21</v>
      </c>
      <c r="C33" s="46">
        <v>72242</v>
      </c>
      <c r="D33" s="48">
        <v>3447.5</v>
      </c>
      <c r="E33" s="48">
        <v>2035.2</v>
      </c>
      <c r="F33" s="48">
        <v>1795.3</v>
      </c>
      <c r="G33" s="50" t="s">
        <v>20</v>
      </c>
      <c r="H33" s="48">
        <v>10.3</v>
      </c>
      <c r="I33" s="48">
        <v>9755.4</v>
      </c>
      <c r="J33" s="48">
        <v>281.8</v>
      </c>
      <c r="K33" s="48">
        <v>5243.5</v>
      </c>
      <c r="L33" s="48">
        <v>2142</v>
      </c>
      <c r="M33" s="52">
        <v>47531</v>
      </c>
    </row>
    <row r="34" spans="1:15" ht="27" customHeight="1" x14ac:dyDescent="0.2">
      <c r="A34" s="42">
        <v>2020</v>
      </c>
      <c r="B34" s="44" t="s">
        <v>22</v>
      </c>
      <c r="C34" s="46">
        <v>72242</v>
      </c>
      <c r="D34" s="48">
        <v>3436.2</v>
      </c>
      <c r="E34" s="48">
        <v>2006.3</v>
      </c>
      <c r="F34" s="48">
        <v>1802.7</v>
      </c>
      <c r="G34" s="50" t="s">
        <v>20</v>
      </c>
      <c r="H34" s="48">
        <v>10.3</v>
      </c>
      <c r="I34" s="48">
        <v>9755.6</v>
      </c>
      <c r="J34" s="48">
        <v>281.3</v>
      </c>
      <c r="K34" s="48">
        <v>5275.6</v>
      </c>
      <c r="L34" s="48">
        <v>2142.9</v>
      </c>
      <c r="M34" s="52">
        <v>47531.1</v>
      </c>
    </row>
    <row r="35" spans="1:15" ht="27" customHeight="1" x14ac:dyDescent="0.2">
      <c r="A35" s="42">
        <v>2021</v>
      </c>
      <c r="B35" s="44" t="s">
        <v>23</v>
      </c>
      <c r="C35" s="46">
        <v>72242</v>
      </c>
      <c r="D35" s="48">
        <v>3429.7</v>
      </c>
      <c r="E35" s="48">
        <v>1990.3</v>
      </c>
      <c r="F35" s="48">
        <v>1818.8</v>
      </c>
      <c r="G35" s="50" t="s">
        <v>20</v>
      </c>
      <c r="H35" s="48">
        <v>10.3</v>
      </c>
      <c r="I35" s="48">
        <v>9747.7000000000007</v>
      </c>
      <c r="J35" s="48">
        <v>279.2</v>
      </c>
      <c r="K35" s="48">
        <v>5300.9</v>
      </c>
      <c r="L35" s="48">
        <v>2133</v>
      </c>
      <c r="M35" s="52">
        <v>47531.6</v>
      </c>
      <c r="O35" s="40"/>
    </row>
    <row r="36" spans="1:15" ht="27" customHeight="1" thickBot="1" x14ac:dyDescent="0.25">
      <c r="A36" s="41">
        <v>2022</v>
      </c>
      <c r="B36" s="43" t="s">
        <v>24</v>
      </c>
      <c r="C36" s="45">
        <v>72233</v>
      </c>
      <c r="D36" s="47">
        <v>3419.7</v>
      </c>
      <c r="E36" s="47">
        <v>1949.3</v>
      </c>
      <c r="F36" s="47">
        <v>1828.4</v>
      </c>
      <c r="G36" s="49" t="s">
        <v>20</v>
      </c>
      <c r="H36" s="47">
        <v>10.3</v>
      </c>
      <c r="I36" s="47">
        <v>9727.6</v>
      </c>
      <c r="J36" s="47">
        <v>277.7</v>
      </c>
      <c r="K36" s="47">
        <v>5337.2</v>
      </c>
      <c r="L36" s="47">
        <v>2143.4</v>
      </c>
      <c r="M36" s="51">
        <v>47539</v>
      </c>
      <c r="N36" s="40"/>
    </row>
    <row r="37" spans="1:15" ht="27" customHeight="1" x14ac:dyDescent="0.2"/>
    <row r="38" spans="1:15" ht="27" customHeight="1" x14ac:dyDescent="0.2"/>
    <row r="40" spans="1:15" x14ac:dyDescent="0.2">
      <c r="E40" s="7"/>
    </row>
  </sheetData>
  <phoneticPr fontId="2"/>
  <pageMargins left="0.78740157480314965" right="0" top="0.98425196850393704" bottom="2.1653543307086616" header="0.51181102362204722" footer="0.51181102362204722"/>
  <pageSetup paperSize="9" scale="74" orientation="portrait" r:id="rId1"/>
  <headerFooter alignWithMargins="0">
    <oddHeader>&amp;L&amp;14 ３．　地目別土地面積&amp;R
（各年１月１日現在　単位:ｈａ）（小数点２以下切捨て）</oddHeader>
    <oddFooter>&amp;L出典：固定資産概要調書
昭和５０年　樽川地区の一部（８９９ｈａ）を小樽市へ行政区域変更
昭和５８年　新港東地区（１６．３ｈａ）を公有水面埋立てにより行政区域に編入
平成　６年　新港中央地区（７．５ｈａ）を公有水面埋立てにより行政区域に編入
平成　７年　新港東地区（３．６ｈａ）を公有水面埋立てにより行政区域に編入
平成　８年　当別町と行政界確定により行政区域の変更（面積の変更平成10年）
平成１８年　浜益村・厚田村と合併（H17.10.1）により行政区域の変更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0A50C75B-6954-433B-BFE8-015FEDEDAFD8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D9C6A92B-79F5-43E8-A03F-43190D76ADD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53CEC543-EA53-4102-A01E-341CBDE40BB8}">
  <ds:schemaRefs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schemas.microsoft.com/office/2006/documentManagement/types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３．地目別土地面積</vt:lpstr>
      <vt:lpstr>'３．地目別土地面積'!Print_Area</vt:lpstr>
      <vt:lpstr>'３．地目別土地面積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9706166</dc:creator>
  <cp:lastModifiedBy>Administrator</cp:lastModifiedBy>
  <cp:lastPrinted>2023-09-04T01:58:57Z</cp:lastPrinted>
  <dcterms:created xsi:type="dcterms:W3CDTF">2016-03-09T05:17:43Z</dcterms:created>
  <dcterms:modified xsi:type="dcterms:W3CDTF">2023-09-04T01:58:59Z</dcterms:modified>
</cp:coreProperties>
</file>